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12 - 2023 - 339. (Príprava) 3D elektromagnetický mapovací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9" i="9" l="1"/>
  <c r="R10" i="9"/>
  <c r="R9" i="9"/>
  <c r="R8" i="9"/>
  <c r="R7" i="9"/>
  <c r="Q9" i="9"/>
  <c r="P10" i="9"/>
  <c r="Q10" i="9" s="1"/>
  <c r="S10" i="9" s="1"/>
  <c r="P9" i="9"/>
  <c r="P8" i="9"/>
  <c r="Q8" i="9" s="1"/>
  <c r="S8" i="9" s="1"/>
  <c r="P7" i="9"/>
  <c r="Q7" i="9" s="1"/>
  <c r="S7" i="9" s="1"/>
  <c r="S11" i="9" l="1"/>
  <c r="R11" i="9"/>
</calcChain>
</file>

<file path=xl/sharedStrings.xml><?xml version="1.0" encoding="utf-8"?>
<sst xmlns="http://schemas.openxmlformats.org/spreadsheetml/2006/main" count="88" uniqueCount="63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Termín dodani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2.</t>
  </si>
  <si>
    <t>Záručná doba pre položku č.1</t>
  </si>
  <si>
    <t>3D elektromagnetický mapovací a ablačný systém vrátane pozáručného servisu</t>
  </si>
  <si>
    <t>3D mapovací systém</t>
  </si>
  <si>
    <t>Prenosný videopupiloalgeziometer</t>
  </si>
  <si>
    <t>Katéter</t>
  </si>
  <si>
    <t>Pozáručný servis pre položku č.1 a 2</t>
  </si>
  <si>
    <t>3.</t>
  </si>
  <si>
    <t>4.</t>
  </si>
  <si>
    <t>mesiac</t>
  </si>
  <si>
    <t>Položka č.1</t>
  </si>
  <si>
    <t>Položka č.2</t>
  </si>
  <si>
    <t>kalendárnych dní</t>
  </si>
  <si>
    <t>Položka č.3</t>
  </si>
  <si>
    <t>Položka č.4</t>
  </si>
  <si>
    <t>dfsf</t>
  </si>
  <si>
    <t>fdsf</t>
  </si>
  <si>
    <t>dsfs</t>
  </si>
  <si>
    <t>fsdf</t>
  </si>
  <si>
    <t>fds</t>
  </si>
  <si>
    <t>dfs</t>
  </si>
  <si>
    <t>sdf</t>
  </si>
  <si>
    <t>dsf</t>
  </si>
  <si>
    <t>sf</t>
  </si>
  <si>
    <t>fsd</t>
  </si>
  <si>
    <t>df</t>
  </si>
  <si>
    <t>fs</t>
  </si>
  <si>
    <t>d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7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medium">
        <color indexed="64"/>
      </left>
      <right style="thin">
        <color auto="1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34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9" fontId="7" fillId="2" borderId="10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15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23" xfId="0" applyNumberFormat="1" applyFont="1" applyFill="1" applyBorder="1" applyAlignment="1">
      <alignment horizontal="right" vertical="center" wrapText="1"/>
    </xf>
    <xf numFmtId="166" fontId="4" fillId="0" borderId="24" xfId="0" applyNumberFormat="1" applyFont="1" applyFill="1" applyBorder="1" applyAlignment="1">
      <alignment horizontal="right" vertical="center" wrapText="1"/>
    </xf>
    <xf numFmtId="0" fontId="2" fillId="0" borderId="27" xfId="0" applyFont="1" applyBorder="1" applyAlignment="1">
      <alignment horizontal="center" vertical="center" wrapText="1"/>
    </xf>
    <xf numFmtId="3" fontId="4" fillId="0" borderId="16" xfId="0" applyNumberFormat="1" applyFont="1" applyFill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30" xfId="0" applyFont="1" applyBorder="1" applyAlignment="1">
      <alignment horizontal="center" vertical="center" wrapText="1"/>
    </xf>
    <xf numFmtId="3" fontId="4" fillId="0" borderId="18" xfId="0" applyNumberFormat="1" applyFont="1" applyFill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165" fontId="2" fillId="0" borderId="2" xfId="0" applyNumberFormat="1" applyFont="1" applyBorder="1" applyAlignment="1">
      <alignment horizontal="right" vertical="center" wrapText="1"/>
    </xf>
    <xf numFmtId="0" fontId="2" fillId="0" borderId="33" xfId="0" applyFont="1" applyBorder="1" applyAlignment="1">
      <alignment horizontal="center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165" fontId="2" fillId="0" borderId="33" xfId="0" applyNumberFormat="1" applyFont="1" applyBorder="1" applyAlignment="1">
      <alignment horizontal="right" vertical="center" wrapText="1"/>
    </xf>
    <xf numFmtId="165" fontId="2" fillId="0" borderId="34" xfId="0" applyNumberFormat="1" applyFont="1" applyBorder="1" applyAlignment="1">
      <alignment horizontal="right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1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4" fillId="0" borderId="25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9" fontId="2" fillId="0" borderId="25" xfId="0" applyNumberFormat="1" applyFont="1" applyBorder="1" applyAlignment="1">
      <alignment horizontal="center" vertical="center" wrapText="1"/>
    </xf>
    <xf numFmtId="9" fontId="2" fillId="0" borderId="32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2" fillId="0" borderId="28" xfId="0" applyNumberFormat="1" applyFont="1" applyBorder="1" applyAlignment="1">
      <alignment horizontal="center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0" borderId="28" xfId="0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2" fillId="0" borderId="37" xfId="0" applyFont="1" applyBorder="1" applyAlignment="1">
      <alignment horizontal="center" vertical="center" wrapText="1"/>
    </xf>
    <xf numFmtId="3" fontId="4" fillId="0" borderId="21" xfId="0" applyNumberFormat="1" applyFont="1" applyFill="1" applyBorder="1" applyAlignment="1">
      <alignment horizontal="center" vertical="center" wrapText="1"/>
    </xf>
    <xf numFmtId="0" fontId="2" fillId="0" borderId="38" xfId="0" applyFont="1" applyBorder="1" applyAlignment="1">
      <alignment horizontal="center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19" xfId="0" applyNumberFormat="1" applyFont="1" applyBorder="1" applyAlignment="1">
      <alignment horizontal="right" vertical="center" wrapText="1"/>
    </xf>
    <xf numFmtId="9" fontId="2" fillId="0" borderId="35" xfId="0" applyNumberFormat="1" applyFont="1" applyBorder="1" applyAlignment="1">
      <alignment horizontal="center" vertical="center" wrapText="1"/>
    </xf>
    <xf numFmtId="9" fontId="2" fillId="0" borderId="39" xfId="0" applyNumberFormat="1" applyFont="1" applyBorder="1" applyAlignment="1">
      <alignment horizontal="center" vertical="center" wrapText="1"/>
    </xf>
    <xf numFmtId="0" fontId="4" fillId="0" borderId="35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left" vertical="center" wrapText="1"/>
    </xf>
    <xf numFmtId="0" fontId="2" fillId="0" borderId="43" xfId="0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0" fontId="2" fillId="0" borderId="44" xfId="0" applyFont="1" applyBorder="1" applyAlignment="1">
      <alignment horizontal="left" vertical="center" wrapText="1"/>
    </xf>
    <xf numFmtId="0" fontId="2" fillId="0" borderId="45" xfId="0" applyFont="1" applyBorder="1" applyAlignment="1">
      <alignment horizontal="left" vertical="center" wrapText="1"/>
    </xf>
    <xf numFmtId="0" fontId="2" fillId="0" borderId="41" xfId="0" applyFont="1" applyBorder="1" applyAlignment="1">
      <alignment horizontal="left" vertical="center" wrapText="1"/>
    </xf>
    <xf numFmtId="0" fontId="2" fillId="0" borderId="42" xfId="0" applyFont="1" applyBorder="1" applyAlignment="1">
      <alignment horizontal="left" vertical="center" wrapText="1"/>
    </xf>
    <xf numFmtId="0" fontId="2" fillId="0" borderId="46" xfId="0" applyFont="1" applyBorder="1" applyAlignment="1">
      <alignment horizontal="center" vertical="center" wrapText="1"/>
    </xf>
    <xf numFmtId="0" fontId="2" fillId="0" borderId="47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48" xfId="0" applyFont="1" applyBorder="1" applyAlignment="1">
      <alignment horizontal="left" vertical="center" wrapText="1"/>
    </xf>
    <xf numFmtId="0" fontId="2" fillId="0" borderId="49" xfId="0" applyFont="1" applyBorder="1" applyAlignment="1">
      <alignment horizontal="center" vertical="center" wrapText="1"/>
    </xf>
    <xf numFmtId="0" fontId="2" fillId="0" borderId="50" xfId="0" applyFont="1" applyBorder="1" applyAlignment="1">
      <alignment horizontal="left" vertical="center" wrapText="1"/>
    </xf>
    <xf numFmtId="0" fontId="2" fillId="0" borderId="23" xfId="0" applyFont="1" applyBorder="1" applyAlignment="1">
      <alignment horizontal="center" vertical="center" wrapText="1"/>
    </xf>
    <xf numFmtId="0" fontId="4" fillId="0" borderId="48" xfId="0" applyFont="1" applyBorder="1" applyAlignment="1">
      <alignment horizontal="left" vertical="center" wrapText="1"/>
    </xf>
    <xf numFmtId="0" fontId="4" fillId="0" borderId="50" xfId="0" applyFont="1" applyBorder="1" applyAlignment="1">
      <alignment horizontal="left" vertical="center" wrapText="1"/>
    </xf>
    <xf numFmtId="0" fontId="4" fillId="0" borderId="47" xfId="0" applyFont="1" applyBorder="1" applyAlignment="1">
      <alignment horizontal="left" vertical="center" wrapText="1"/>
    </xf>
    <xf numFmtId="0" fontId="4" fillId="0" borderId="0" xfId="0" applyFont="1" applyBorder="1" applyAlignment="1">
      <alignment horizontal="left" vertical="center" wrapText="1"/>
    </xf>
    <xf numFmtId="0" fontId="4" fillId="0" borderId="51" xfId="0" applyFont="1" applyBorder="1" applyAlignment="1">
      <alignment horizontal="left" vertical="center" wrapText="1"/>
    </xf>
    <xf numFmtId="0" fontId="4" fillId="0" borderId="52" xfId="0" applyFont="1" applyBorder="1" applyAlignment="1">
      <alignment horizontal="left" vertical="center" wrapText="1"/>
    </xf>
    <xf numFmtId="0" fontId="2" fillId="0" borderId="53" xfId="0" applyFont="1" applyBorder="1" applyAlignment="1">
      <alignment horizontal="left" vertical="center" wrapText="1"/>
    </xf>
    <xf numFmtId="0" fontId="2" fillId="0" borderId="54" xfId="0" applyFont="1" applyBorder="1" applyAlignment="1">
      <alignment horizontal="left" vertical="center" wrapText="1"/>
    </xf>
    <xf numFmtId="0" fontId="2" fillId="0" borderId="55" xfId="0" applyFont="1" applyBorder="1" applyAlignment="1">
      <alignment horizontal="left" vertical="center" wrapText="1"/>
    </xf>
    <xf numFmtId="0" fontId="2" fillId="0" borderId="56" xfId="0" applyFont="1" applyBorder="1" applyAlignment="1">
      <alignment horizontal="left" vertical="center" wrapText="1"/>
    </xf>
    <xf numFmtId="0" fontId="2" fillId="0" borderId="57" xfId="0" applyFont="1" applyBorder="1" applyAlignment="1">
      <alignment horizontal="center" vertical="center" wrapText="1"/>
    </xf>
    <xf numFmtId="0" fontId="2" fillId="0" borderId="58" xfId="0" applyFont="1" applyBorder="1" applyAlignment="1">
      <alignment horizontal="center" vertical="center" wrapText="1"/>
    </xf>
    <xf numFmtId="0" fontId="2" fillId="0" borderId="59" xfId="0" applyFont="1" applyBorder="1" applyAlignment="1">
      <alignment horizontal="center" vertical="center" wrapText="1"/>
    </xf>
    <xf numFmtId="0" fontId="2" fillId="0" borderId="60" xfId="0" applyFont="1" applyBorder="1" applyAlignment="1">
      <alignment horizontal="center" vertical="center" wrapText="1"/>
    </xf>
    <xf numFmtId="0" fontId="2" fillId="0" borderId="61" xfId="0" applyFont="1" applyBorder="1" applyAlignment="1">
      <alignment horizontal="left" vertical="center" wrapText="1"/>
    </xf>
    <xf numFmtId="0" fontId="2" fillId="0" borderId="62" xfId="0" applyFont="1" applyBorder="1" applyAlignment="1">
      <alignment horizontal="left" vertical="center" wrapText="1"/>
    </xf>
    <xf numFmtId="0" fontId="2" fillId="0" borderId="63" xfId="0" applyFont="1" applyBorder="1" applyAlignment="1">
      <alignment horizontal="center" vertical="center" wrapText="1"/>
    </xf>
    <xf numFmtId="0" fontId="2" fillId="0" borderId="64" xfId="0" applyFont="1" applyBorder="1" applyAlignment="1">
      <alignment horizontal="center" vertical="center" wrapText="1"/>
    </xf>
    <xf numFmtId="0" fontId="2" fillId="0" borderId="65" xfId="0" applyFont="1" applyBorder="1" applyAlignment="1">
      <alignment horizontal="left" vertical="center" wrapText="1"/>
    </xf>
    <xf numFmtId="0" fontId="2" fillId="0" borderId="66" xfId="0" applyFont="1" applyBorder="1" applyAlignment="1">
      <alignment horizontal="left" vertical="center" wrapText="1"/>
    </xf>
    <xf numFmtId="0" fontId="2" fillId="0" borderId="67" xfId="0" applyFont="1" applyBorder="1" applyAlignment="1">
      <alignment horizontal="left" vertical="center" wrapText="1"/>
    </xf>
    <xf numFmtId="0" fontId="2" fillId="0" borderId="68" xfId="0" applyFont="1" applyBorder="1" applyAlignment="1">
      <alignment horizontal="left" vertical="center" wrapText="1"/>
    </xf>
    <xf numFmtId="0" fontId="2" fillId="0" borderId="69" xfId="0" applyFont="1" applyBorder="1" applyAlignment="1">
      <alignment horizontal="center" vertical="center" wrapText="1"/>
    </xf>
    <xf numFmtId="0" fontId="2" fillId="0" borderId="70" xfId="0" applyFont="1" applyBorder="1" applyAlignment="1">
      <alignment horizontal="center" vertical="center" wrapText="1"/>
    </xf>
    <xf numFmtId="9" fontId="2" fillId="0" borderId="71" xfId="0" applyNumberFormat="1" applyFont="1" applyBorder="1" applyAlignment="1">
      <alignment horizontal="center" vertical="center" wrapText="1"/>
    </xf>
    <xf numFmtId="0" fontId="2" fillId="0" borderId="72" xfId="0" applyFont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45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75" t="s">
        <v>9</v>
      </c>
      <c r="B1" s="75"/>
      <c r="C1" s="75"/>
      <c r="D1" s="75"/>
      <c r="E1" s="75"/>
      <c r="F1" s="75"/>
      <c r="G1" s="75"/>
      <c r="H1" s="75"/>
      <c r="I1" s="75"/>
      <c r="J1" s="75"/>
      <c r="K1" s="75"/>
      <c r="L1" s="75"/>
      <c r="M1" s="75"/>
      <c r="N1" s="75"/>
      <c r="O1" s="75"/>
      <c r="P1" s="75"/>
      <c r="Q1" s="75"/>
      <c r="R1" s="75"/>
      <c r="S1" s="75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7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80" t="s">
        <v>1</v>
      </c>
      <c r="C6" s="81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76" t="s">
        <v>21</v>
      </c>
      <c r="O6" s="77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54.95" customHeight="1" x14ac:dyDescent="0.25">
      <c r="A7" s="44" t="s">
        <v>2</v>
      </c>
      <c r="B7" s="71" t="s">
        <v>38</v>
      </c>
      <c r="C7" s="72"/>
      <c r="D7" s="52" t="s">
        <v>0</v>
      </c>
      <c r="E7" s="53">
        <v>1</v>
      </c>
      <c r="F7" s="16"/>
      <c r="G7" s="44" t="s">
        <v>50</v>
      </c>
      <c r="H7" s="57" t="s">
        <v>53</v>
      </c>
      <c r="I7" s="57" t="s">
        <v>54</v>
      </c>
      <c r="J7" s="57" t="s">
        <v>59</v>
      </c>
      <c r="K7" s="57" t="s">
        <v>54</v>
      </c>
      <c r="L7" s="57" t="s">
        <v>54</v>
      </c>
      <c r="M7" s="58"/>
      <c r="N7" s="73"/>
      <c r="O7" s="74"/>
      <c r="P7" s="59">
        <f>M7*N7</f>
        <v>0</v>
      </c>
      <c r="Q7" s="59">
        <f>M7+P7</f>
        <v>0</v>
      </c>
      <c r="R7" s="60">
        <f>M7*E7</f>
        <v>0</v>
      </c>
      <c r="S7" s="61">
        <f>Q7*E7</f>
        <v>0</v>
      </c>
      <c r="T7" s="16"/>
    </row>
    <row r="8" spans="1:22" s="2" customFormat="1" ht="54.95" customHeight="1" x14ac:dyDescent="0.25">
      <c r="A8" s="45" t="s">
        <v>35</v>
      </c>
      <c r="B8" s="93" t="s">
        <v>39</v>
      </c>
      <c r="C8" s="94"/>
      <c r="D8" s="84" t="s">
        <v>0</v>
      </c>
      <c r="E8" s="85">
        <v>1</v>
      </c>
      <c r="F8" s="16"/>
      <c r="G8" s="45" t="s">
        <v>51</v>
      </c>
      <c r="H8" s="86" t="s">
        <v>54</v>
      </c>
      <c r="I8" s="86" t="s">
        <v>57</v>
      </c>
      <c r="J8" s="86" t="s">
        <v>60</v>
      </c>
      <c r="K8" s="86" t="s">
        <v>55</v>
      </c>
      <c r="L8" s="86" t="s">
        <v>54</v>
      </c>
      <c r="M8" s="87"/>
      <c r="N8" s="91"/>
      <c r="O8" s="92"/>
      <c r="P8" s="88">
        <f>M8*N8</f>
        <v>0</v>
      </c>
      <c r="Q8" s="88">
        <f>M8+P8</f>
        <v>0</v>
      </c>
      <c r="R8" s="89">
        <f>M8*E8</f>
        <v>0</v>
      </c>
      <c r="S8" s="90">
        <f>Q8*E8</f>
        <v>0</v>
      </c>
      <c r="T8" s="16"/>
    </row>
    <row r="9" spans="1:22" s="2" customFormat="1" ht="54.95" customHeight="1" x14ac:dyDescent="0.25">
      <c r="A9" s="45" t="s">
        <v>42</v>
      </c>
      <c r="B9" s="93" t="s">
        <v>40</v>
      </c>
      <c r="C9" s="94"/>
      <c r="D9" s="84" t="s">
        <v>0</v>
      </c>
      <c r="E9" s="85">
        <v>150</v>
      </c>
      <c r="F9" s="16"/>
      <c r="G9" s="45" t="s">
        <v>52</v>
      </c>
      <c r="H9" s="86" t="s">
        <v>55</v>
      </c>
      <c r="I9" s="86" t="s">
        <v>58</v>
      </c>
      <c r="J9" s="86" t="s">
        <v>57</v>
      </c>
      <c r="K9" s="86" t="s">
        <v>61</v>
      </c>
      <c r="L9" s="86" t="s">
        <v>54</v>
      </c>
      <c r="M9" s="87"/>
      <c r="N9" s="91"/>
      <c r="O9" s="92"/>
      <c r="P9" s="88">
        <f>M9*N9</f>
        <v>0</v>
      </c>
      <c r="Q9" s="88">
        <f>M9+P9</f>
        <v>0</v>
      </c>
      <c r="R9" s="89">
        <f>M9*E9</f>
        <v>0</v>
      </c>
      <c r="S9" s="90">
        <f>Q9*E9</f>
        <v>0</v>
      </c>
      <c r="T9" s="16"/>
    </row>
    <row r="10" spans="1:22" s="2" customFormat="1" ht="54.95" customHeight="1" thickBot="1" x14ac:dyDescent="0.3">
      <c r="A10" s="54" t="s">
        <v>43</v>
      </c>
      <c r="B10" s="82" t="s">
        <v>41</v>
      </c>
      <c r="C10" s="83"/>
      <c r="D10" s="55" t="s">
        <v>44</v>
      </c>
      <c r="E10" s="56">
        <v>60</v>
      </c>
      <c r="F10" s="16"/>
      <c r="G10" s="54" t="s">
        <v>50</v>
      </c>
      <c r="H10" s="62" t="s">
        <v>56</v>
      </c>
      <c r="I10" s="62" t="s">
        <v>56</v>
      </c>
      <c r="J10" s="62" t="s">
        <v>55</v>
      </c>
      <c r="K10" s="62" t="s">
        <v>62</v>
      </c>
      <c r="L10" s="62" t="s">
        <v>57</v>
      </c>
      <c r="M10" s="63"/>
      <c r="N10" s="78"/>
      <c r="O10" s="79"/>
      <c r="P10" s="64">
        <f>M10*N10</f>
        <v>0</v>
      </c>
      <c r="Q10" s="64">
        <f>M10+P10</f>
        <v>0</v>
      </c>
      <c r="R10" s="65">
        <f>M10*E10</f>
        <v>0</v>
      </c>
      <c r="S10" s="66">
        <f>Q10*E10</f>
        <v>0</v>
      </c>
      <c r="T10" s="16"/>
    </row>
    <row r="11" spans="1:22" s="2" customFormat="1" ht="30" customHeight="1" thickBot="1" x14ac:dyDescent="0.3">
      <c r="A11" s="47"/>
      <c r="B11" s="48"/>
      <c r="C11" s="48"/>
      <c r="D11" s="47"/>
      <c r="E11" s="49"/>
      <c r="F11" s="49"/>
      <c r="G11" s="49"/>
      <c r="H11" s="49"/>
      <c r="I11" s="49"/>
      <c r="J11" s="49"/>
      <c r="K11" s="49"/>
      <c r="L11" s="49"/>
      <c r="M11" s="49"/>
      <c r="N11" s="49"/>
      <c r="O11" s="49"/>
      <c r="P11" s="49"/>
      <c r="Q11" s="49"/>
      <c r="R11" s="50">
        <f>SUM(R7:R10)</f>
        <v>0</v>
      </c>
      <c r="S11" s="51">
        <f>SUM(S7:S10)</f>
        <v>0</v>
      </c>
      <c r="T11" s="16"/>
    </row>
    <row r="13" spans="1:22" ht="16.5" customHeight="1" thickBot="1" x14ac:dyDescent="0.25">
      <c r="A13" s="46" t="s">
        <v>26</v>
      </c>
      <c r="B13" s="21"/>
      <c r="C13" s="22"/>
      <c r="D13" s="1"/>
      <c r="E13" s="23"/>
      <c r="F13" s="23"/>
      <c r="G13" s="24"/>
      <c r="H13" s="23"/>
      <c r="R13" s="23"/>
      <c r="S13" s="23"/>
      <c r="T13" s="23"/>
    </row>
    <row r="14" spans="1:22" ht="30" customHeight="1" x14ac:dyDescent="0.2">
      <c r="A14" s="95">
        <v>1</v>
      </c>
      <c r="B14" s="97" t="s">
        <v>29</v>
      </c>
      <c r="C14" s="98"/>
      <c r="D14" s="114" t="s">
        <v>45</v>
      </c>
      <c r="E14" s="115"/>
      <c r="F14" s="25"/>
      <c r="G14" s="118"/>
      <c r="H14" s="119" t="s">
        <v>47</v>
      </c>
      <c r="R14" s="25"/>
      <c r="S14" s="25"/>
      <c r="T14" s="25"/>
    </row>
    <row r="15" spans="1:22" ht="30" customHeight="1" x14ac:dyDescent="0.2">
      <c r="A15" s="101"/>
      <c r="B15" s="102"/>
      <c r="C15" s="103"/>
      <c r="D15" s="116" t="s">
        <v>46</v>
      </c>
      <c r="E15" s="117"/>
      <c r="F15" s="25"/>
      <c r="G15" s="120"/>
      <c r="H15" s="121" t="s">
        <v>47</v>
      </c>
      <c r="R15" s="25"/>
      <c r="S15" s="25"/>
      <c r="T15" s="25"/>
    </row>
    <row r="16" spans="1:22" ht="30" customHeight="1" x14ac:dyDescent="0.2">
      <c r="A16" s="105">
        <v>2</v>
      </c>
      <c r="B16" s="104" t="s">
        <v>36</v>
      </c>
      <c r="C16" s="106"/>
      <c r="D16" s="122" t="s">
        <v>45</v>
      </c>
      <c r="E16" s="123"/>
      <c r="F16" s="25"/>
      <c r="G16" s="124"/>
      <c r="H16" s="125" t="s">
        <v>30</v>
      </c>
      <c r="J16" s="28" t="s">
        <v>28</v>
      </c>
      <c r="K16" s="67"/>
      <c r="L16" s="67"/>
      <c r="M16" s="67"/>
      <c r="S16" s="25"/>
      <c r="T16" s="25"/>
    </row>
    <row r="17" spans="1:22" ht="30" customHeight="1" x14ac:dyDescent="0.2">
      <c r="A17" s="96"/>
      <c r="B17" s="99"/>
      <c r="C17" s="100"/>
      <c r="D17" s="116" t="s">
        <v>46</v>
      </c>
      <c r="E17" s="117"/>
      <c r="F17" s="25"/>
      <c r="G17" s="120"/>
      <c r="H17" s="121" t="s">
        <v>30</v>
      </c>
      <c r="J17" s="28" t="s">
        <v>27</v>
      </c>
      <c r="K17" s="68"/>
      <c r="L17" s="68"/>
      <c r="M17" s="68"/>
      <c r="S17" s="25"/>
      <c r="T17" s="25"/>
    </row>
    <row r="18" spans="1:22" ht="30" customHeight="1" x14ac:dyDescent="0.2">
      <c r="A18" s="105">
        <v>3</v>
      </c>
      <c r="B18" s="104" t="s">
        <v>31</v>
      </c>
      <c r="C18" s="106"/>
      <c r="D18" s="122" t="s">
        <v>45</v>
      </c>
      <c r="E18" s="123"/>
      <c r="F18" s="25"/>
      <c r="G18" s="124"/>
      <c r="H18" s="125" t="s">
        <v>32</v>
      </c>
      <c r="J18" s="1"/>
      <c r="K18" s="1"/>
      <c r="L18" s="1"/>
      <c r="M18" s="1"/>
      <c r="S18" s="25"/>
    </row>
    <row r="19" spans="1:22" ht="30" customHeight="1" x14ac:dyDescent="0.2">
      <c r="A19" s="96"/>
      <c r="B19" s="99"/>
      <c r="C19" s="100"/>
      <c r="D19" s="116" t="s">
        <v>46</v>
      </c>
      <c r="E19" s="117"/>
      <c r="F19" s="25"/>
      <c r="G19" s="120"/>
      <c r="H19" s="121" t="s">
        <v>32</v>
      </c>
      <c r="J19" s="1"/>
      <c r="K19" s="1"/>
      <c r="L19" s="1"/>
      <c r="M19" s="1"/>
      <c r="S19" s="25"/>
    </row>
    <row r="20" spans="1:22" ht="30" customHeight="1" x14ac:dyDescent="0.2">
      <c r="A20" s="105">
        <v>4</v>
      </c>
      <c r="B20" s="108" t="s">
        <v>33</v>
      </c>
      <c r="C20" s="109"/>
      <c r="D20" s="122" t="s">
        <v>45</v>
      </c>
      <c r="E20" s="123"/>
      <c r="F20" s="25"/>
      <c r="G20" s="124"/>
      <c r="H20" s="125" t="s">
        <v>34</v>
      </c>
      <c r="J20" s="1"/>
      <c r="K20" s="1"/>
      <c r="L20" s="1"/>
      <c r="M20" s="1"/>
      <c r="S20" s="25"/>
    </row>
    <row r="21" spans="1:22" ht="30" customHeight="1" x14ac:dyDescent="0.2">
      <c r="A21" s="101"/>
      <c r="B21" s="110"/>
      <c r="C21" s="111"/>
      <c r="D21" s="126" t="s">
        <v>46</v>
      </c>
      <c r="E21" s="127"/>
      <c r="F21" s="25"/>
      <c r="G21" s="130"/>
      <c r="H21" s="131" t="s">
        <v>34</v>
      </c>
      <c r="J21" s="1"/>
      <c r="K21" s="1"/>
      <c r="L21" s="1"/>
      <c r="M21" s="1"/>
      <c r="S21" s="25"/>
    </row>
    <row r="22" spans="1:22" ht="30" customHeight="1" x14ac:dyDescent="0.2">
      <c r="A22" s="101"/>
      <c r="B22" s="110"/>
      <c r="C22" s="111"/>
      <c r="D22" s="126" t="s">
        <v>48</v>
      </c>
      <c r="E22" s="127"/>
      <c r="F22" s="25"/>
      <c r="G22" s="130"/>
      <c r="H22" s="131" t="s">
        <v>34</v>
      </c>
      <c r="J22" s="1"/>
      <c r="K22" s="1"/>
      <c r="L22" s="1"/>
      <c r="M22" s="1"/>
      <c r="S22" s="25"/>
    </row>
    <row r="23" spans="1:22" ht="73.5" customHeight="1" thickBot="1" x14ac:dyDescent="0.25">
      <c r="A23" s="107"/>
      <c r="B23" s="112"/>
      <c r="C23" s="113"/>
      <c r="D23" s="128" t="s">
        <v>49</v>
      </c>
      <c r="E23" s="129"/>
      <c r="F23" s="25"/>
      <c r="G23" s="132"/>
      <c r="H23" s="133" t="s">
        <v>34</v>
      </c>
      <c r="S23" s="23"/>
    </row>
    <row r="24" spans="1:22" x14ac:dyDescent="0.2">
      <c r="F24" s="1"/>
      <c r="G24" s="1"/>
      <c r="H24" s="1"/>
      <c r="S24" s="23"/>
    </row>
    <row r="25" spans="1:22" ht="30" customHeight="1" x14ac:dyDescent="0.2">
      <c r="F25" s="1"/>
      <c r="G25" s="1"/>
      <c r="H25" s="1"/>
      <c r="S25" s="25"/>
    </row>
    <row r="26" spans="1:22" ht="30" customHeight="1" x14ac:dyDescent="0.2">
      <c r="F26" s="1"/>
      <c r="G26" s="1"/>
      <c r="H26" s="1"/>
      <c r="J26" s="28" t="s">
        <v>3</v>
      </c>
      <c r="K26" s="68"/>
      <c r="L26" s="68"/>
      <c r="S26" s="25"/>
    </row>
    <row r="27" spans="1:22" ht="30" customHeight="1" x14ac:dyDescent="0.25">
      <c r="F27" s="1"/>
      <c r="G27" s="1"/>
      <c r="H27" s="1"/>
      <c r="J27" s="28" t="s">
        <v>5</v>
      </c>
      <c r="K27" s="70"/>
      <c r="L27" s="70"/>
      <c r="P27" s="27" t="s">
        <v>4</v>
      </c>
      <c r="Q27" s="69"/>
      <c r="R27" s="69"/>
      <c r="S27" s="25"/>
    </row>
    <row r="28" spans="1:22" ht="13.5" customHeight="1" x14ac:dyDescent="0.2">
      <c r="F28" s="1"/>
      <c r="G28" s="1"/>
      <c r="H28" s="1"/>
      <c r="P28" s="28" t="s">
        <v>6</v>
      </c>
      <c r="Q28" s="67"/>
      <c r="R28" s="67"/>
      <c r="S28" s="1"/>
      <c r="T28" s="1"/>
    </row>
    <row r="29" spans="1:22" ht="13.5" customHeight="1" x14ac:dyDescent="0.2">
      <c r="F29" s="1"/>
      <c r="G29" s="1"/>
      <c r="H29" s="1"/>
      <c r="I29" s="1"/>
      <c r="J29" s="1"/>
      <c r="K29" s="1"/>
      <c r="L29" s="1"/>
      <c r="M29" s="1"/>
      <c r="N29" s="1"/>
      <c r="O29" s="1"/>
      <c r="P29" s="28" t="s">
        <v>7</v>
      </c>
      <c r="Q29" s="68"/>
      <c r="R29" s="68"/>
      <c r="S29" s="1"/>
      <c r="T29" s="1"/>
      <c r="U29" s="1"/>
      <c r="V29" s="1"/>
    </row>
    <row r="30" spans="1:22" ht="13.5" customHeight="1" x14ac:dyDescent="0.2">
      <c r="F30" s="1"/>
      <c r="G30" s="1"/>
      <c r="H30" s="1"/>
      <c r="I30" s="1"/>
      <c r="J30" s="1"/>
      <c r="K30" s="1"/>
      <c r="L30" s="1"/>
      <c r="M30" s="1"/>
      <c r="N30" s="1"/>
      <c r="O30" s="1"/>
      <c r="P30" s="29" t="s">
        <v>8</v>
      </c>
      <c r="Q30" s="1"/>
      <c r="R30" s="2"/>
      <c r="S30" s="1"/>
      <c r="T30" s="1"/>
      <c r="U30" s="1"/>
      <c r="V30" s="1"/>
    </row>
    <row r="31" spans="1:22" ht="24.95" customHeight="1" x14ac:dyDescent="0.2"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</row>
    <row r="32" spans="1:22" s="6" customFormat="1" ht="20.100000000000001" customHeight="1" x14ac:dyDescent="0.25"/>
    <row r="33" spans="5:20" s="6" customFormat="1" ht="20.100000000000001" customHeight="1" x14ac:dyDescent="0.25"/>
    <row r="34" spans="5:20" ht="5.25" customHeight="1" x14ac:dyDescent="0.2">
      <c r="H34" s="1"/>
      <c r="I34" s="1"/>
      <c r="J34" s="1"/>
      <c r="K34" s="1"/>
      <c r="L34" s="1"/>
      <c r="M34" s="1"/>
      <c r="N34" s="1"/>
      <c r="O34" s="1"/>
    </row>
    <row r="35" spans="5:20" ht="20.100000000000001" customHeight="1" x14ac:dyDescent="0.2">
      <c r="H35" s="1"/>
      <c r="I35" s="1"/>
      <c r="J35" s="1"/>
      <c r="K35" s="1"/>
      <c r="L35" s="1"/>
      <c r="M35" s="1"/>
      <c r="N35" s="1"/>
      <c r="O35" s="1"/>
    </row>
    <row r="36" spans="5:20" ht="20.100000000000001" customHeight="1" x14ac:dyDescent="0.2">
      <c r="E36" s="1"/>
      <c r="F36" s="1"/>
      <c r="G36" s="1"/>
      <c r="J36" s="1"/>
      <c r="K36" s="1"/>
      <c r="L36" s="1"/>
      <c r="M36" s="1"/>
      <c r="N36" s="1"/>
      <c r="O36" s="1"/>
      <c r="S36" s="1"/>
      <c r="T36" s="1"/>
    </row>
    <row r="37" spans="5:20" x14ac:dyDescent="0.2">
      <c r="E37" s="1"/>
      <c r="F37" s="1"/>
      <c r="G37" s="1"/>
      <c r="J37" s="1"/>
      <c r="K37" s="1"/>
      <c r="L37" s="1"/>
      <c r="M37" s="1"/>
      <c r="N37" s="1"/>
      <c r="O37" s="1"/>
      <c r="S37" s="1"/>
      <c r="T37" s="1"/>
    </row>
    <row r="38" spans="5:20" x14ac:dyDescent="0.2">
      <c r="E38" s="1"/>
      <c r="F38" s="1"/>
      <c r="G38" s="1"/>
      <c r="J38" s="1"/>
      <c r="K38" s="1"/>
      <c r="L38" s="1"/>
      <c r="M38" s="1"/>
      <c r="N38" s="1"/>
      <c r="O38" s="1"/>
      <c r="P38" s="1"/>
      <c r="R38" s="1"/>
      <c r="S38" s="1"/>
      <c r="T38" s="1"/>
    </row>
    <row r="39" spans="5:20" x14ac:dyDescent="0.2">
      <c r="J39" s="1"/>
      <c r="K39" s="1"/>
      <c r="L39" s="1"/>
    </row>
    <row r="40" spans="5:20" x14ac:dyDescent="0.2">
      <c r="J40" s="1"/>
      <c r="K40" s="1"/>
      <c r="L40" s="1"/>
    </row>
    <row r="41" spans="5:20" x14ac:dyDescent="0.2">
      <c r="G41" s="26"/>
      <c r="H41" s="26"/>
    </row>
    <row r="42" spans="5:20" x14ac:dyDescent="0.2">
      <c r="G42" s="30"/>
      <c r="H42" s="30"/>
    </row>
    <row r="43" spans="5:20" x14ac:dyDescent="0.2">
      <c r="G43" s="30"/>
      <c r="H43" s="30"/>
    </row>
    <row r="44" spans="5:20" x14ac:dyDescent="0.2">
      <c r="G44" s="30"/>
      <c r="H44" s="30"/>
    </row>
    <row r="45" spans="5:20" x14ac:dyDescent="0.2">
      <c r="G45" s="30"/>
      <c r="H45" s="30"/>
    </row>
  </sheetData>
  <mergeCells count="36">
    <mergeCell ref="A18:A19"/>
    <mergeCell ref="B18:C19"/>
    <mergeCell ref="D18:E18"/>
    <mergeCell ref="D19:E19"/>
    <mergeCell ref="A20:A23"/>
    <mergeCell ref="B20:C23"/>
    <mergeCell ref="D20:E20"/>
    <mergeCell ref="D21:E21"/>
    <mergeCell ref="D22:E22"/>
    <mergeCell ref="D23:E23"/>
    <mergeCell ref="A14:A15"/>
    <mergeCell ref="B14:C15"/>
    <mergeCell ref="D14:E14"/>
    <mergeCell ref="D15:E15"/>
    <mergeCell ref="A16:A17"/>
    <mergeCell ref="B16:C17"/>
    <mergeCell ref="D16:E16"/>
    <mergeCell ref="D17:E17"/>
    <mergeCell ref="A1:S1"/>
    <mergeCell ref="K26:L26"/>
    <mergeCell ref="N6:O6"/>
    <mergeCell ref="N10:O10"/>
    <mergeCell ref="B6:C6"/>
    <mergeCell ref="B10:C10"/>
    <mergeCell ref="K16:M16"/>
    <mergeCell ref="K17:M17"/>
    <mergeCell ref="N8:O8"/>
    <mergeCell ref="N9:O9"/>
    <mergeCell ref="B8:C8"/>
    <mergeCell ref="B9:C9"/>
    <mergeCell ref="Q28:R28"/>
    <mergeCell ref="Q29:R29"/>
    <mergeCell ref="Q27:R27"/>
    <mergeCell ref="K27:L27"/>
    <mergeCell ref="B7:C7"/>
    <mergeCell ref="N7:O7"/>
  </mergeCells>
  <conditionalFormatting sqref="Q28:R28 G16:G17 G23">
    <cfRule type="containsBlanks" dxfId="35" priority="115">
      <formula>LEN(TRIM(G16))=0</formula>
    </cfRule>
  </conditionalFormatting>
  <conditionalFormatting sqref="Q29:R29">
    <cfRule type="containsBlanks" dxfId="34" priority="114">
      <formula>LEN(TRIM(Q29))=0</formula>
    </cfRule>
  </conditionalFormatting>
  <conditionalFormatting sqref="R10">
    <cfRule type="containsBlanks" dxfId="33" priority="101">
      <formula>LEN(TRIM(R10))=0</formula>
    </cfRule>
  </conditionalFormatting>
  <conditionalFormatting sqref="N10:O10">
    <cfRule type="containsBlanks" dxfId="32" priority="100">
      <formula>LEN(TRIM(N10))=0</formula>
    </cfRule>
  </conditionalFormatting>
  <conditionalFormatting sqref="M10">
    <cfRule type="containsBlanks" dxfId="31" priority="98">
      <formula>LEN(TRIM(M10))=0</formula>
    </cfRule>
  </conditionalFormatting>
  <conditionalFormatting sqref="P10">
    <cfRule type="containsBlanks" dxfId="30" priority="99">
      <formula>LEN(TRIM(P10))=0</formula>
    </cfRule>
  </conditionalFormatting>
  <conditionalFormatting sqref="G10">
    <cfRule type="containsBlanks" dxfId="29" priority="94">
      <formula>LEN(TRIM(G10))=0</formula>
    </cfRule>
  </conditionalFormatting>
  <conditionalFormatting sqref="G14:G15">
    <cfRule type="containsBlanks" dxfId="28" priority="88">
      <formula>LEN(TRIM(G14))=0</formula>
    </cfRule>
  </conditionalFormatting>
  <conditionalFormatting sqref="K16:M16">
    <cfRule type="containsBlanks" dxfId="27" priority="116">
      <formula>LEN(TRIM(K16))=0</formula>
    </cfRule>
  </conditionalFormatting>
  <conditionalFormatting sqref="K26:L26">
    <cfRule type="containsBlanks" dxfId="26" priority="83">
      <formula>LEN(TRIM(K26))=0</formula>
    </cfRule>
  </conditionalFormatting>
  <conditionalFormatting sqref="K27:L27">
    <cfRule type="containsBlanks" dxfId="25" priority="82">
      <formula>LEN(TRIM(K27))=0</formula>
    </cfRule>
  </conditionalFormatting>
  <conditionalFormatting sqref="K17:M17">
    <cfRule type="containsBlanks" dxfId="24" priority="81">
      <formula>LEN(TRIM(K17))=0</formula>
    </cfRule>
  </conditionalFormatting>
  <conditionalFormatting sqref="H10">
    <cfRule type="containsBlanks" dxfId="23" priority="76">
      <formula>LEN(TRIM(H10))=0</formula>
    </cfRule>
  </conditionalFormatting>
  <conditionalFormatting sqref="I10">
    <cfRule type="containsBlanks" dxfId="22" priority="65">
      <formula>LEN(TRIM(I10))=0</formula>
    </cfRule>
  </conditionalFormatting>
  <conditionalFormatting sqref="J10">
    <cfRule type="containsBlanks" dxfId="21" priority="59">
      <formula>LEN(TRIM(J10))=0</formula>
    </cfRule>
  </conditionalFormatting>
  <conditionalFormatting sqref="K10">
    <cfRule type="containsBlanks" dxfId="20" priority="53">
      <formula>LEN(TRIM(K10))=0</formula>
    </cfRule>
  </conditionalFormatting>
  <conditionalFormatting sqref="L10">
    <cfRule type="containsBlanks" dxfId="19" priority="47">
      <formula>LEN(TRIM(L10))=0</formula>
    </cfRule>
  </conditionalFormatting>
  <conditionalFormatting sqref="Q10">
    <cfRule type="containsBlanks" dxfId="18" priority="31">
      <formula>LEN(TRIM(Q10))=0</formula>
    </cfRule>
  </conditionalFormatting>
  <conditionalFormatting sqref="S10">
    <cfRule type="containsBlanks" dxfId="17" priority="20">
      <formula>LEN(TRIM(S10))=0</formula>
    </cfRule>
  </conditionalFormatting>
  <conditionalFormatting sqref="R7:R9">
    <cfRule type="containsBlanks" dxfId="16" priority="13">
      <formula>LEN(TRIM(R7))=0</formula>
    </cfRule>
  </conditionalFormatting>
  <conditionalFormatting sqref="N7:O9">
    <cfRule type="containsBlanks" dxfId="15" priority="12">
      <formula>LEN(TRIM(N7))=0</formula>
    </cfRule>
  </conditionalFormatting>
  <conditionalFormatting sqref="M7:M9">
    <cfRule type="containsBlanks" dxfId="14" priority="10">
      <formula>LEN(TRIM(M7))=0</formula>
    </cfRule>
  </conditionalFormatting>
  <conditionalFormatting sqref="P7:P9">
    <cfRule type="containsBlanks" dxfId="13" priority="11">
      <formula>LEN(TRIM(P7))=0</formula>
    </cfRule>
  </conditionalFormatting>
  <conditionalFormatting sqref="G7:G9">
    <cfRule type="containsBlanks" dxfId="12" priority="9">
      <formula>LEN(TRIM(G7))=0</formula>
    </cfRule>
  </conditionalFormatting>
  <conditionalFormatting sqref="H7:H9">
    <cfRule type="containsBlanks" dxfId="11" priority="8">
      <formula>LEN(TRIM(H7))=0</formula>
    </cfRule>
  </conditionalFormatting>
  <conditionalFormatting sqref="I7:I9">
    <cfRule type="containsBlanks" dxfId="10" priority="7">
      <formula>LEN(TRIM(I7))=0</formula>
    </cfRule>
  </conditionalFormatting>
  <conditionalFormatting sqref="J7:J9">
    <cfRule type="containsBlanks" dxfId="9" priority="6">
      <formula>LEN(TRIM(J7))=0</formula>
    </cfRule>
  </conditionalFormatting>
  <conditionalFormatting sqref="K7:K9">
    <cfRule type="containsBlanks" dxfId="8" priority="5">
      <formula>LEN(TRIM(K7))=0</formula>
    </cfRule>
  </conditionalFormatting>
  <conditionalFormatting sqref="L7:L9">
    <cfRule type="containsBlanks" dxfId="7" priority="4">
      <formula>LEN(TRIM(L7))=0</formula>
    </cfRule>
  </conditionalFormatting>
  <conditionalFormatting sqref="Q7:Q9">
    <cfRule type="containsBlanks" dxfId="6" priority="3">
      <formula>LEN(TRIM(Q7))=0</formula>
    </cfRule>
  </conditionalFormatting>
  <conditionalFormatting sqref="S7:S9">
    <cfRule type="containsBlanks" dxfId="5" priority="2">
      <formula>LEN(TRIM(S7))=0</formula>
    </cfRule>
  </conditionalFormatting>
  <conditionalFormatting sqref="G18:G22">
    <cfRule type="containsBlanks" dxfId="4" priority="1">
      <formula>LEN(TRIM(G18))=0</formula>
    </cfRule>
  </conditionalFormatting>
  <pageMargins left="0.70866141732283472" right="0.70866141732283472" top="0.98124999999999996" bottom="0.74803149606299213" header="0.31496062992125984" footer="0.31496062992125984"/>
  <pageSetup paperSize="9" scale="53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11-10T12:31:29Z</cp:lastPrinted>
  <dcterms:created xsi:type="dcterms:W3CDTF">2017-04-21T05:51:15Z</dcterms:created>
  <dcterms:modified xsi:type="dcterms:W3CDTF">2023-11-10T12:40:30Z</dcterms:modified>
</cp:coreProperties>
</file>